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jpg" ContentType="image/jpeg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notesSlides/notesSlide1.xml" ContentType="application/vnd.openxmlformats-officedocument.presentationml.notesSlide+xml"/>
  <Override PartName="/ppt/tags/tag7.xml" ContentType="application/vnd.openxmlformats-officedocument.presentationml.tags+xml"/>
  <Override PartName="/ppt/notesSlides/notesSlide2.xml" ContentType="application/vnd.openxmlformats-officedocument.presentationml.notesSlide+xml"/>
  <Override PartName="/ppt/tags/tag8.xml" ContentType="application/vnd.openxmlformats-officedocument.presentationml.tags+xml"/>
  <Override PartName="/ppt/notesSlides/notesSlide3.xml" ContentType="application/vnd.openxmlformats-officedocument.presentationml.notesSlide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notesSlides/notesSlide5.xml" ContentType="application/vnd.openxmlformats-officedocument.presentationml.notesSlide+xml"/>
  <Override PartName="/ppt/tags/tag11.xml" ContentType="application/vnd.openxmlformats-officedocument.presentationml.tags+xml"/>
  <Override PartName="/ppt/notesSlides/notesSlide6.xml" ContentType="application/vnd.openxmlformats-officedocument.presentationml.notesSlide+xml"/>
  <Override PartName="/ppt/tags/tag12.xml" ContentType="application/vnd.openxmlformats-officedocument.presentationml.tags+xml"/>
  <Override PartName="/ppt/notesSlides/notesSlide7.xml" ContentType="application/vnd.openxmlformats-officedocument.presentationml.notesSlide+xml"/>
  <Override PartName="/ppt/tags/tag13.xml" ContentType="application/vnd.openxmlformats-officedocument.presentationml.tags+xml"/>
  <Override PartName="/ppt/notesSlides/notesSlide8.xml" ContentType="application/vnd.openxmlformats-officedocument.presentationml.notesSlide+xml"/>
  <Override PartName="/ppt/tags/tag14.xml" ContentType="application/vnd.openxmlformats-officedocument.presentationml.tags+xml"/>
  <Override PartName="/ppt/notesSlides/notesSlide9.xml" ContentType="application/vnd.openxmlformats-officedocument.presentationml.notesSlide+xml"/>
  <Override PartName="/ppt/tags/tag15.xml" ContentType="application/vnd.openxmlformats-officedocument.presentationml.tags+xml"/>
  <Override PartName="/ppt/notesSlides/notesSlide10.xml" ContentType="application/vnd.openxmlformats-officedocument.presentationml.notesSlide+xml"/>
  <Override PartName="/ppt/tags/tag16.xml" ContentType="application/vnd.openxmlformats-officedocument.presentationml.tags+xml"/>
  <Override PartName="/ppt/notesSlides/notesSlide11.xml" ContentType="application/vnd.openxmlformats-officedocument.presentationml.notesSlide+xml"/>
  <Override PartName="/ppt/tags/tag17.xml" ContentType="application/vnd.openxmlformats-officedocument.presentationml.tags+xml"/>
  <Override PartName="/ppt/notesSlides/notesSlide12.xml" ContentType="application/vnd.openxmlformats-officedocument.presentationml.notesSlide+xml"/>
  <Override PartName="/ppt/tags/tag18.xml" ContentType="application/vnd.openxmlformats-officedocument.presentationml.tags+xml"/>
  <Override PartName="/ppt/notesSlides/notesSlide13.xml" ContentType="application/vnd.openxmlformats-officedocument.presentationml.notesSlide+xml"/>
  <Override PartName="/ppt/tags/tag19.xml" ContentType="application/vnd.openxmlformats-officedocument.presentationml.tags+xml"/>
  <Override PartName="/ppt/notesSlides/notesSlide14.xml" ContentType="application/vnd.openxmlformats-officedocument.presentationml.notesSlide+xml"/>
  <Override PartName="/ppt/tags/tag20.xml" ContentType="application/vnd.openxmlformats-officedocument.presentationml.tags+xml"/>
  <Override PartName="/ppt/notesSlides/notesSlide15.xml" ContentType="application/vnd.openxmlformats-officedocument.presentationml.notesSlide+xml"/>
  <Override PartName="/ppt/tags/tag21.xml" ContentType="application/vnd.openxmlformats-officedocument.presentationml.tags+xml"/>
  <Override PartName="/ppt/notesSlides/notesSlide16.xml" ContentType="application/vnd.openxmlformats-officedocument.presentationml.notesSlide+xml"/>
  <Override PartName="/ppt/tags/tag22.xml" ContentType="application/vnd.openxmlformats-officedocument.presentationml.tags+xml"/>
  <Override PartName="/ppt/notesSlides/notesSlide17.xml" ContentType="application/vnd.openxmlformats-officedocument.presentationml.notesSlide+xml"/>
  <Override PartName="/ppt/tags/tag23.xml" ContentType="application/vnd.openxmlformats-officedocument.presentationml.tags+xml"/>
  <Override PartName="/ppt/notesSlides/notesSlide18.xml" ContentType="application/vnd.openxmlformats-officedocument.presentationml.notesSlide+xml"/>
  <Override PartName="/ppt/tags/tag24.xml" ContentType="application/vnd.openxmlformats-officedocument.presentationml.tags+xml"/>
  <Override PartName="/ppt/notesSlides/notesSlide19.xml" ContentType="application/vnd.openxmlformats-officedocument.presentationml.notesSlide+xml"/>
  <Override PartName="/ppt/tags/tag25.xml" ContentType="application/vnd.openxmlformats-officedocument.presentationml.tags+xml"/>
  <Override PartName="/ppt/notesSlides/notesSlide20.xml" ContentType="application/vnd.openxmlformats-officedocument.presentationml.notesSlide+xml"/>
  <Override PartName="/ppt/tags/tag26.xml" ContentType="application/vnd.openxmlformats-officedocument.presentationml.tags+xml"/>
  <Override PartName="/ppt/notesSlides/notesSlide21.xml" ContentType="application/vnd.openxmlformats-officedocument.presentationml.notesSlide+xml"/>
  <Override PartName="/ppt/tags/tag27.xml" ContentType="application/vnd.openxmlformats-officedocument.presentationml.tags+xml"/>
  <Override PartName="/ppt/notesSlides/notesSlide2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4"/>
  </p:notesMasterIdLst>
  <p:sldIdLst>
    <p:sldId id="257" r:id="rId2"/>
    <p:sldId id="256" r:id="rId3"/>
    <p:sldId id="258" r:id="rId4"/>
    <p:sldId id="266" r:id="rId5"/>
    <p:sldId id="260" r:id="rId6"/>
    <p:sldId id="261" r:id="rId7"/>
    <p:sldId id="263" r:id="rId8"/>
    <p:sldId id="262" r:id="rId9"/>
    <p:sldId id="269" r:id="rId10"/>
    <p:sldId id="265" r:id="rId11"/>
    <p:sldId id="267" r:id="rId12"/>
    <p:sldId id="268" r:id="rId13"/>
    <p:sldId id="270" r:id="rId14"/>
    <p:sldId id="277" r:id="rId15"/>
    <p:sldId id="271" r:id="rId16"/>
    <p:sldId id="272" r:id="rId17"/>
    <p:sldId id="276" r:id="rId18"/>
    <p:sldId id="273" r:id="rId19"/>
    <p:sldId id="278" r:id="rId20"/>
    <p:sldId id="279" r:id="rId21"/>
    <p:sldId id="274" r:id="rId22"/>
    <p:sldId id="275" r:id="rId23"/>
  </p:sldIdLst>
  <p:sldSz cx="12192000" cy="6858000"/>
  <p:notesSz cx="6858000" cy="9144000"/>
  <p:custDataLst>
    <p:tags r:id="rId2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044" autoAdjust="0"/>
    <p:restoredTop sz="94660"/>
  </p:normalViewPr>
  <p:slideViewPr>
    <p:cSldViewPr snapToGrid="0">
      <p:cViewPr varScale="1">
        <p:scale>
          <a:sx n="124" d="100"/>
          <a:sy n="124" d="100"/>
        </p:scale>
        <p:origin x="126" y="16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2447CB-FCE1-4CA0-97C4-A66DEE08CCF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D9DC0D-E36E-4AC5-8FBF-39909E58A60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65896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95781A8-6B43-43C9-8579-6DC85DE94EA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529690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5686192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653421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121708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026055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753683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086834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24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87705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003741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223735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8487594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9998854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1934063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717017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35407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119563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669820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616128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06387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308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1909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227787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64967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05856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847258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345904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886427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79434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502498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493896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3921230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671431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536EF4-A373-4586-8FB2-884C3FB12C99}" type="datetimeFigureOut">
              <a:rPr lang="en-US" smtClean="0"/>
              <a:t>7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66498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jpg"/><Relationship Id="rId3" Type="http://schemas.openxmlformats.org/officeDocument/2006/relationships/tags" Target="../tags/tag4.xml"/><Relationship Id="rId7" Type="http://schemas.openxmlformats.org/officeDocument/2006/relationships/notesSlide" Target="../notesSlides/notesSlide1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slideLayout" Target="../slideLayouts/slideLayout7.xml"/><Relationship Id="rId5" Type="http://schemas.openxmlformats.org/officeDocument/2006/relationships/tags" Target="../tags/tag6.xml"/><Relationship Id="rId4" Type="http://schemas.openxmlformats.org/officeDocument/2006/relationships/tags" Target="../tags/tag5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4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15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16.jp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17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18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19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20.jp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21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2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2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4" Type="http://schemas.openxmlformats.org/officeDocument/2006/relationships/image" Target="../media/image2.jp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4" Type="http://schemas.openxmlformats.org/officeDocument/2006/relationships/image" Target="../media/image24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4" Type="http://schemas.openxmlformats.org/officeDocument/2006/relationships/image" Target="../media/image25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Relationship Id="rId4" Type="http://schemas.openxmlformats.org/officeDocument/2006/relationships/image" Target="../media/image6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4.png"/><Relationship Id="rId2" Type="http://schemas.microsoft.com/office/2007/relationships/media" Target="../media/media1.mp4"/><Relationship Id="rId1" Type="http://schemas.openxmlformats.org/officeDocument/2006/relationships/tags" Target="../tags/tag8.xml"/><Relationship Id="rId6" Type="http://schemas.openxmlformats.org/officeDocument/2006/relationships/image" Target="../media/image3.jpg"/><Relationship Id="rId5" Type="http://schemas.openxmlformats.org/officeDocument/2006/relationships/notesSlide" Target="../notesSlides/notesSlide3.xml"/><Relationship Id="rId4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4" Type="http://schemas.openxmlformats.org/officeDocument/2006/relationships/image" Target="../media/image5.jp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microsoft.com/office/2007/relationships/hdphoto" Target="../media/hdphoto1.wdp"/><Relationship Id="rId5" Type="http://schemas.openxmlformats.org/officeDocument/2006/relationships/image" Target="../media/image7.png"/><Relationship Id="rId10" Type="http://schemas.microsoft.com/office/2007/relationships/hdphoto" Target="../media/hdphoto3.wdp"/><Relationship Id="rId4" Type="http://schemas.openxmlformats.org/officeDocument/2006/relationships/image" Target="../media/image6.jpg"/><Relationship Id="rId9" Type="http://schemas.openxmlformats.org/officeDocument/2006/relationships/image" Target="../media/image9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4" Type="http://schemas.openxmlformats.org/officeDocument/2006/relationships/image" Target="../media/image10.jp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1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2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8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>
            <p:custDataLst>
              <p:tags r:id="rId2"/>
            </p:custDataLst>
          </p:nvPr>
        </p:nvSpPr>
        <p:spPr>
          <a:xfrm>
            <a:off x="3323772" y="198661"/>
            <a:ext cx="6096000" cy="707886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en-US" sz="2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UBND </a:t>
            </a:r>
            <a:r>
              <a:rPr lang="vi-VN" sz="2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ẬN LONG BIÊN</a:t>
            </a:r>
            <a:endParaRPr lang="en-US" sz="2000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20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ƯỜNG MẦM NON </a:t>
            </a:r>
            <a:r>
              <a:rPr lang="vi-VN" sz="20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20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ƯỢNG </a:t>
            </a:r>
            <a:r>
              <a:rPr lang="en-US" sz="20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ANH</a:t>
            </a:r>
            <a:endParaRPr lang="en-US" sz="2000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" name="Rectangle 3"/>
          <p:cNvSpPr/>
          <p:nvPr>
            <p:custDataLst>
              <p:tags r:id="rId3"/>
            </p:custDataLst>
          </p:nvPr>
        </p:nvSpPr>
        <p:spPr>
          <a:xfrm>
            <a:off x="878116" y="1431557"/>
            <a:ext cx="10987313" cy="124649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UỘC THI THIẾT KẾ BÀI GIẢNG E – LEARNING</a:t>
            </a:r>
          </a:p>
          <a:p>
            <a:pPr algn="ctr"/>
            <a:r>
              <a:rPr lang="en-US" sz="2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PHẦN MỀM DẠY HỌC</a:t>
            </a:r>
          </a:p>
          <a:p>
            <a:pPr algn="ctr"/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M HỌC 2020 - 2021</a:t>
            </a:r>
          </a:p>
        </p:txBody>
      </p:sp>
      <p:sp>
        <p:nvSpPr>
          <p:cNvPr id="5" name="Rectangle 4"/>
          <p:cNvSpPr/>
          <p:nvPr>
            <p:custDataLst>
              <p:tags r:id="rId4"/>
            </p:custDataLst>
          </p:nvPr>
        </p:nvSpPr>
        <p:spPr>
          <a:xfrm>
            <a:off x="1625602" y="3931186"/>
            <a:ext cx="94923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ối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ượng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ẫu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ớn</a:t>
            </a:r>
            <a:endParaRPr lang="vi-VN" sz="2400" b="1" dirty="0" smtClean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vi-VN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gười thực hiện: Phạm Thị Khoa</a:t>
            </a:r>
            <a:endParaRPr lang="en-US" sz="2400" b="1" dirty="0" smtClean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>
            <p:custDataLst>
              <p:tags r:id="rId5"/>
            </p:custDataLst>
          </p:nvPr>
        </p:nvSpPr>
        <p:spPr>
          <a:xfrm>
            <a:off x="1758338" y="3023071"/>
            <a:ext cx="94923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ĨNH VỰC PHÁT TRIỂN TÌNH CẢM – KỸ NĂNG XÃ HỘI</a:t>
            </a:r>
          </a:p>
          <a:p>
            <a:pPr algn="ctr"/>
            <a:r>
              <a:rPr lang="en-US" sz="24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Ề TÀI: BÉ LÀM GÌ KHI ĐI LẠC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24674560"/>
      </p:ext>
    </p:extLst>
  </p:cSld>
  <p:clrMapOvr>
    <a:masterClrMapping/>
  </p:clrMapOvr>
  <p:transition spd="slow" advClick="0" advTm="41405">
    <p:comb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377521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39990" y="1111126"/>
            <a:ext cx="7293775" cy="313932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66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709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835"/>
    </mc:Choice>
    <mc:Fallback xmlns="">
      <p:transition spd="slow" advClick="0" advTm="18835"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00180" y="409873"/>
            <a:ext cx="667682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Rudolph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5400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508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9133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10106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51416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726517" y="2140052"/>
            <a:ext cx="8783879" cy="110799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66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13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87338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00403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43381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/>
        </p:nvSpPr>
        <p:spPr>
          <a:xfrm>
            <a:off x="4671566" y="255411"/>
            <a:ext cx="4302268" cy="52322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. MỤC 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ÍCH - 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YÊU 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ẦU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3367955" y="848011"/>
            <a:ext cx="8595445" cy="267765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1.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iến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ức</a:t>
            </a:r>
            <a:endParaRPr lang="en-US" sz="28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ô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ố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iểu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ẽ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ẩ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ù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6" name="Rectangle 5"/>
          <p:cNvSpPr/>
          <p:nvPr/>
        </p:nvSpPr>
        <p:spPr>
          <a:xfrm>
            <a:off x="2240195" y="3595047"/>
            <a:ext cx="7872796" cy="138499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lvl="0"/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2.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endParaRPr lang="en-US" sz="28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ặp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ó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iếp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ọ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xu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quanh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7" name="Rectangle 6"/>
          <p:cNvSpPr/>
          <p:nvPr/>
        </p:nvSpPr>
        <p:spPr>
          <a:xfrm>
            <a:off x="1688091" y="5240251"/>
            <a:ext cx="7725320" cy="138499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lvl="0"/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3.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ái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ộ</a:t>
            </a:r>
            <a:endParaRPr lang="en-US" sz="28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ích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ự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ứ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ú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o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endParaRPr lang="en-US" sz="28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ẽncẩ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ú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ở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ê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goài</a:t>
            </a:r>
            <a:endParaRPr lang="en-US" sz="28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704355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 advTm="51697">
        <p14:shred/>
      </p:transition>
    </mc:Choice>
    <mc:Fallback xmlns="">
      <p:transition advClick="0" advTm="51697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1757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61664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69096" y="2124372"/>
            <a:ext cx="11139588" cy="2435988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úc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hi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ớ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ật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ốt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>
              <a:lnSpc>
                <a:spcPct val="150000"/>
              </a:lnSpc>
            </a:pP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!</a:t>
            </a:r>
            <a:endParaRPr lang="en-US" sz="5400" b="1" dirty="0">
              <a:ln w="13462">
                <a:solidFill>
                  <a:schemeClr val="bg1"/>
                </a:solidFill>
                <a:prstDash val="solid"/>
              </a:ln>
              <a:solidFill>
                <a:schemeClr val="tx1">
                  <a:lumMod val="85000"/>
                  <a:lumOff val="15000"/>
                </a:schemeClr>
              </a:solidFill>
              <a:effectLst>
                <a:outerShdw dist="38100" dir="2700000" algn="bl" rotWithShape="0">
                  <a:schemeClr val="accent5"/>
                </a:outerShdw>
                <a:reflection blurRad="6350" stA="60000" endA="900" endPos="58000" dir="5400000" sy="-100000" algn="bl" rotWithShape="0"/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53841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Walking Walking - featuring Noodle &amp; Pals - Super Simple Songs 00_00_03.40-00_01_31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725057" y="485775"/>
            <a:ext cx="10619218" cy="48863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52496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 advTm="87632">
        <p14:glitter pattern="hexagon"/>
      </p:transition>
    </mc:Choice>
    <mc:Fallback xmlns="">
      <p:transition spd="slow" advClick="0" advTm="876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3777180" y="650635"/>
            <a:ext cx="4927952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ỘI DUNG BÀI HỌC</a:t>
            </a:r>
            <a:endParaRPr lang="en-US" sz="40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770587" y="1620979"/>
            <a:ext cx="6013185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1878423" y="2613407"/>
            <a:ext cx="8725466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43338" y="3731008"/>
            <a:ext cx="5395643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54785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5183"/>
    </mc:Choice>
    <mc:Fallback xmlns="">
      <p:transition spd="slow" advClick="0" advTm="25183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504201" y="714764"/>
            <a:ext cx="905247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: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5400" b="1" cap="none" spc="0" dirty="0" smtClean="0">
                <a:ln/>
                <a:solidFill>
                  <a:srgbClr val="FF0000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5400" b="1" cap="none" spc="0" dirty="0">
              <a:ln/>
              <a:solidFill>
                <a:srgbClr val="FF0000"/>
              </a:solidFill>
              <a:effectLst/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541" b="98577" l="5200" r="95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048" y="4085225"/>
            <a:ext cx="2984791" cy="1677453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0000" b="91806" l="625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63176" y="3047977"/>
            <a:ext cx="4561185" cy="256566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220" b="98476" l="1961" r="94608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45339" y="1638094"/>
            <a:ext cx="2885102" cy="4638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4131721"/>
      </p:ext>
    </p:extLst>
  </p:cSld>
  <p:clrMapOvr>
    <a:masterClrMapping/>
  </p:clrMapOvr>
  <p:transition spd="slow" advClick="0" advTm="24713">
    <p:randomBar dir="vert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1862279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89040"/>
    </mc:Choice>
    <mc:Fallback xmlns="">
      <p:transition spd="slow" advClick="0" advTm="8904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736976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37330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81829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874921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"/>
  <p:tag name="ISPRING_PROJECT_FOLDER_UPDATED" val="1"/>
  <p:tag name="ISPRING_PRESENTATION_TITLE" val="Giá án Kỹ năng sống"/>
  <p:tag name="ISPRING_FIRST_PUBLISH" val="1"/>
  <p:tag name="ISPRING_PRESENTER_PHOTO_0" val="png|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"/>
  <p:tag name="ISPRING_PRESENTER_PHOTO_1" val="png|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"/>
  <p:tag name="ISPRING_PRESENTERDATA_0" val="S2ltIFRoacyjIEhpw6rMgG4=|VGHMgWNoIG5ob8yBbSDEkcO0zIFpIHTGsMahzKNuZyBjb8yBIHPDtMyBIGt1b3duZ2ogbGHMgCA3&#10;IHRoYcyAbmggMiBwaMOizIBuIGLEg8yAbmcgY2HMgWMgY2HMgWNoIGtoYcyBYyBuaGF1|a2ltaGllbjI5NTE5OTNAZ21haWwuY29t||e0I2QUEyQUM0LTA2RjctNDcwNC1CQTgxLTY5NjIwRTc5RjY0Mn0=|R2lhzIFvIFZpw6puIFRyxrDGocyAbmcgbcOizIBtIG5vbiBIxqHMo3AgVGhhbmgu|SVNQUklOR19QUkVTRU5URVJfUEhPVE9fMA==|MQ==||SVNQUklOR19QUkVTRU5URVJfUEhPVE9fMQ==|MDM0IDk2MiA4MTI0"/>
  <p:tag name="FLASHSPRING_PRESENTATION_REFERENCES" val=""/>
  <p:tag name="FLASHSPRING_ZOOM_TAG" val="70"/>
  <p:tag name="ISPRING_PRESENTATION_INFO_2" val="&lt;?xml version=&quot;1.0&quot; encoding=&quot;UTF-8&quot; standalone=&quot;no&quot; ?&gt;&#10;&lt;presentation2&gt;&#10;&#10;  &lt;slides&gt;&#10;    &lt;slide id=&quot;{09067755-6042-4128-A637-6D6937CE3CAD}&quot; pptId=&quot;257&quot;/&gt;&#10;    &lt;slide id=&quot;{8554D806-19D1-4592-975A-FF32D232CB49}&quot; pptId=&quot;256&quot;/&gt;&#10;    &lt;slide id=&quot;{C6EBABD4-D670-4D70-B4F6-EEFBE360176A}&quot; pptId=&quot;258&quot;/&gt;&#10;    &lt;slide id=&quot;{C972CB53-75A2-40D0-85B6-129FD5CE6C86}&quot; pptId=&quot;266&quot;/&gt;&#10;    &lt;slide id=&quot;{3E43EA42-1E6E-4961-A207-EBC4FC7AF6D6}&quot; pptId=&quot;260&quot;/&gt;&#10;    &lt;slide id=&quot;{E18B40C3-7C42-4B72-9B74-BEFBE0441601}&quot; pptId=&quot;261&quot;/&gt;&#10;    &lt;slide id=&quot;{79F8911D-5000-4627-B1AA-6F1EC1E06148}&quot; pptId=&quot;263&quot;/&gt;&#10;    &lt;slide id=&quot;{6B9F68B5-8F16-4D28-87F5-F0B6659EA219}&quot; pptId=&quot;262&quot;/&gt;&#10;    &lt;slide id=&quot;{F4874CA3-D496-41BC-9948-31E1DD7B540F}&quot; pptId=&quot;269&quot;/&gt;&#10;    &lt;slide id=&quot;{2D6A0FF0-975D-4080-9C0D-FF83A93237CE}&quot; pptId=&quot;265&quot;/&gt;&#10;    &lt;slide id=&quot;{A46D27B3-CD8D-4761-9BBE-44D2FDA57025}&quot; pptId=&quot;267&quot;/&gt;&#10;    &lt;slide id=&quot;{DAAAFCE2-AA08-4D3A-8569-42087815CE85}&quot; pptId=&quot;268&quot;/&gt;&#10;    &lt;slide id=&quot;{28AC60FE-833C-4595-B9A4-F7EAD92E5700}&quot; pptId=&quot;270&quot;/&gt;&#10;    &lt;slide id=&quot;{AD81D4CF-7AD2-4EC4-9F91-02A47198AB5B}&quot; pptId=&quot;277&quot;/&gt;&#10;    &lt;slide id=&quot;{AC9BE7C5-A9CD-4B47-BE7A-3C637A9FECDE}&quot; pptId=&quot;271&quot;/&gt;&#10;    &lt;slide id=&quot;{44A2CA90-995A-4ECA-BB2F-7A176C9F75AB}&quot; pptId=&quot;272&quot;/&gt;&#10;    &lt;slide id=&quot;{328806AD-460A-40CF-BAAE-2643535D8D33}&quot; pptId=&quot;276&quot;/&gt;&#10;    &lt;slide id=&quot;{91948CDA-F2DE-4592-84F5-FA1C3DEAF9BE}&quot; pptId=&quot;273&quot;/&gt;&#10;    &lt;slide id=&quot;{1D34E7A5-25C5-4FDA-B0D1-0B0E365CD1FC}&quot; pptId=&quot;278&quot;/&gt;&#10;    &lt;slide id=&quot;{89F2AE29-FD84-44B1-9850-7C9C7459B1BE}&quot; pptId=&quot;279&quot;/&gt;&#10;    &lt;slide id=&quot;{BA967275-55B2-4EC4-949E-883AB24D7009}&quot; pptId=&quot;274&quot;/&gt;&#10;    &lt;slide id=&quot;{1F8A6F98-55D8-4B61-BF39-C5781A3188EC}&quot; pptId=&quot;275&quot;/&gt;&#10;  &lt;/slides&gt;&#10;&#10;  &lt;narration&gt;&#10;    &lt;audioTracks&gt;&#10;      &lt;audioTrack muted=&quot;false&quot; name=&quot;FILE_20201209_075349_Chào&quot; resource=&quot;9c58b36f&quot; slideId=&quot;{09067755-6042-4128-A637-6D6937CE3CAD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Kiến thức&quot; resource=&quot;2a969e2d&quot; slideId=&quot;{8554D806-19D1-4592-975A-FF32D232CB4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dbh&quot; resource=&quot;da678d85&quot; slideId=&quot;{C972CB53-75A2-40D0-85B6-129FD5CE6C8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1 chuẩn&quot; resource=&quot;6cf962ad&quot; slideId=&quot;{3E43EA42-1E6E-4961-A207-EBC4FC7AF6D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Why&quot; resource=&quot;f02659c3&quot; slideId=&quot;{6B9F68B5-8F16-4D28-87F5-F0B6659EA21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Lúcnafy&quot; resource=&quot;dc529d91&quot; slideId=&quot;{F4874CA3-D496-41BC-9948-31E1DD7B540F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Hết&quot; resource=&quot;a2206fdc&quot; slideId=&quot;{1F8A6F98-55D8-4B61-BF39-C5781A3188E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uối&quot; resource=&quot;fc0334b8&quot; slideId=&quot;{BA967275-55B2-4EC4-949E-883AB24D700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tac4p3&quot; resource=&quot;a195badd&quot; slideId=&quot;{89F2AE29-FD84-44B1-9850-7C9C7459B1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3p3&quot; resource=&quot;873c86a3&quot; slideId=&quot;{1D34E7A5-25C5-4FDA-B0D1-0B0E365CD1F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3&quot; resource=&quot;ed5ba13e&quot; slideId=&quot;{91948CDA-F2DE-4592-84F5-FA1C3DEAF9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Viêc cần p3&quot; resource=&quot;0bfed120&quot; slideId=&quot;{328806AD-460A-40CF-BAAE-2643535D8D33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3 chuẩn&quot; resource=&quot;35712551&quot; slideId=&quot;{44A2CA90-995A-4ECA-BB2F-7A176C9F75A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Tg tác&quot; resource=&quot;8c565420&quot; slideId=&quot;{AC9BE7C5-A9CD-4B47-BE7A-3C637A9FECD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2&quot; resource=&quot;eea0e669&quot; slideId=&quot;{AD81D4CF-7AD2-4EC4-9F91-02A47198AB5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1 p2&quot; resource=&quot;5d8db6a0&quot; slideId=&quot;{28AC60FE-833C-4595-B9A4-F7EAD92E5700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2&quot; resource=&quot;9bdb6fe3&quot; slideId=&quot;{A46D27B3-CD8D-4761-9BBE-44D2FDA57025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ếu&quot; resource=&quot;539c868a&quot; slideId=&quot;{2D6A0FF0-975D-4080-9C0D-FF83A93237C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Rudol gặp vđ j&quot; resource=&quot;5107f333&quot; slideId=&quot;{79F8911D-5000-4627-B1AA-6F1EC1E06148}&quot; startTime=&quot;0&quot; stepIndex=&quot;0&quot; volume=&quot;1&quot;&gt;&#10;        &lt;audio channels=&quot;1&quot; format=&quot;s16p&quot; sampleRate=&quot;44100&quot;/&gt;&#10;      &lt;/audioTrack&gt;&#10;    &lt;/audioTracks&gt;&#10;    &lt;videoTracks&gt;&#10;      &lt;videoTrack muted=&quot;false&quot; name=&quot;Chúng ta phải làm gì khi bị lạc- - Rudolf bị lạc - Bài học an toàn - Hoạt hình thiếu nhi - BabyBus 00_00_04-00_01_33&quot; resource=&quot;19436e86&quot; slideId=&quot;{E18B40C3-7C42-4B72-9B74-BEFBE0441601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húng ta phải làm gì khi bị lạc- - Rudolf bị lạc - Bài học an toàn - Hoạt hình thiếu nhi - BabyBus 00_02_08-00_04_28&quot; resource=&quot;9e10b407&quot; slideId=&quot;{DAAAFCE2-AA08-4D3A-8569-42087815CE85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UUID" val="{A9742238-E20F-4DA3-B734-8F563F89DCD4}"/>
  <p:tag name="ISPRING_SCREEN_RECS_UPDATED" val="C:\Users\Administrator\Desktop\BAIDUTHI-KIMTHIHIEN\TEPNGUON\Giá án Kỹ năng sống"/>
  <p:tag name="ISPRING_RESOURCE_FOLDER" val="C:\Users\Administrator\Desktop\BAIDUTHI-KIMTHIHIEN\TEPNGUON\Giá án Kỹ năng sống"/>
  <p:tag name="ISPRING_PRESENTATION_PATH" val="C:\Users\Administrator\Desktop\BAIDUTHI-KIMTHIHIEN\TEPNGUON\Giá án Kỹ năng sống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|1|2|1"/>
  <p:tag name="ISPRING_SLIDE_INDENT_LEVEL" val="0"/>
  <p:tag name="GENSWF_ADVANCE_TIME" val="24.713"/>
  <p:tag name="ISPRING_SLIDE_ID_2" val="{3E43EA42-1E6E-4961-A207-EBC4FC7AF6D6}"/>
  <p:tag name="ISPRING_PLAYER_PLAYLIST_ID" val="7c68aa4dc468a9f3f4c267faa77987ade9a68272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89.04"/>
  <p:tag name="ISPRING_CUSTOM_TIMING_USED" val="1"/>
  <p:tag name="ISPRING_SLIDE_INDENT_LEVEL" val="0"/>
  <p:tag name="ISPRING_PLAYER_LAYOUT_TYPE" val="Video"/>
  <p:tag name="ISPRING_SLIDE_ID_2" val="{E18B40C3-7C42-4B72-9B74-BEFBE0441601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ISPRING_SLIDE_ID_2" val="{79F8911D-5000-4627-B1AA-6F1EC1E06148}"/>
  <p:tag name="GENSWF_ADVANCE_TIME" val="20.638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1.448"/>
  <p:tag name="ISPRING_SLIDE_ID_2" val="{6B9F68B5-8F16-4D28-87F5-F0B6659EA219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0.324"/>
  <p:tag name="ISPRING_SLIDE_ID_2" val="{F4874CA3-D496-41BC-9948-31E1DD7B540F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8.892"/>
  <p:tag name="ISPRING_SLIDE_ID_2" val="{2D6A0FF0-975D-4080-9C0D-FF83A93237CE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8.835"/>
  <p:tag name="ISPRING_SLIDE_ID_2" val="{A46D27B3-CD8D-4761-9BBE-44D2FDA57025}"/>
  <p:tag name="ISPRING_PLAYER_PLAYLIST_ID" val="7c68aa4dc468a9f3f4c267faa77987ade9a68272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40.04"/>
  <p:tag name="ISPRING_CUSTOM_TIMING_USED" val="1"/>
  <p:tag name="ISPRING_SLIDE_INDENT_LEVEL" val="0"/>
  <p:tag name="ISPRING_PLAYER_LAYOUT_TYPE" val="Video"/>
  <p:tag name="ISPRING_SLIDE_ID_2" val="{DAAAFCE2-AA08-4D3A-8569-42087815CE85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052"/>
  <p:tag name="ISPRING_SLIDE_ID_2" val="{28AC60FE-833C-4595-B9A4-F7EAD92E5700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235"/>
  <p:tag name="ISPRING_SLIDE_ID_2" val="{AD81D4CF-7AD2-4EC4-9F91-02A47198AB5B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SlideThumbPath val=&quot;Slide2.PNG&quot;/&gt;"/>
  <p:tag name="ISPRING_SLIDE_INDENT_LEVEL" val="0"/>
  <p:tag name="ISPRING_PRESENTER_ID" val="{B6AA2AC4-06F7-4704-BA81-69620E79F642}"/>
  <p:tag name="ISPRING_PLAYER_PLAYLIST_ID" val="cfd292664a428f98502129688bae31b6b80652af"/>
  <p:tag name="ISPRING_CUSTOM_TIMING_USED" val="1"/>
  <p:tag name="GENSWF_SLIDE_TITLE" val="Mở đầu"/>
  <p:tag name="GENSWF_ADVANCE_TIME" val="41.405"/>
  <p:tag name="ISPRING_SLIDE_ID_2" val="{09067755-6042-4128-A637-6D6937CE3CAD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CUSTOM_TIMING_USED" val="1"/>
  <p:tag name="GENSWF_ADVANCE_TIME" val="20.899"/>
  <p:tag name="ISPRING_SLIDE_ID_2" val="{AC9BE7C5-A9CD-4B47-BE7A-3C637A9FECDE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.084"/>
  <p:tag name="ISPRING_SLIDE_ID_2" val="{44A2CA90-995A-4ECA-BB2F-7A176C9F75AB}"/>
  <p:tag name="ISPRING_SLIDE_INDENT_LEVEL" val="0"/>
  <p:tag name="ISPRING_PLAYER_PLAYLIST_ID" val="7c68aa4dc468a9f3f4c267faa77987ade9a68272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757"/>
  <p:tag name="ISPRING_SLIDE_ID_2" val="{328806AD-460A-40CF-BAAE-2643535D8D33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4.865"/>
  <p:tag name="ISPRING_SLIDE_ID_2" val="{91948CDA-F2DE-4592-84F5-FA1C3DEAF9BE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16"/>
  <p:tag name="ISPRING_SLIDE_ID_2" val="{1D34E7A5-25C5-4FDA-B0D1-0B0E365CD1FC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6.62"/>
  <p:tag name="ISPRING_SLIDE_ID_2" val="{89F2AE29-FD84-44B1-9850-7C9C7459B1BE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68"/>
  <p:tag name="ISPRING_SLIDE_ID_2" val="{BA967275-55B2-4EC4-949E-883AB24D7009}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"/>
  <p:tag name="GENSWF_ADVANCE_TIME" val="15.413"/>
  <p:tag name="ISPRING_SLIDE_ID_2" val="{1F8A6F98-55D8-4B61-BF39-C5781A3188EC}"/>
  <p:tag name="ISPRING_SLIDE_INDENT_LEVEL" val="0"/>
  <p:tag name="ISPRING_PLAYER_PLAYLIST_ID" val="7c68aa4dc468a9f3f4c267faa77987ade9a6827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18&quot;/&gt;&lt;lineCharCount val=&quot;24&quot;/&gt;&lt;/TableIndex&gt;&lt;/ShapeTextInfo&gt;"/>
  <p:tag name="PRESENTER_SHAPEINFO" val="&lt;ThreeDShapeInfo&gt;&lt;uuid val=&quot;{A21A8208-88D2-42B1-B2A3-4DF85B343E26}&quot;/&gt;&lt;isInvalidForFieldText val=&quot;0&quot;/&gt;&lt;Image&gt;&lt;filename val=&quot;C:\Users\ADMINI~1\AppData\Local\Temp\~CaB3F0\data\asimages\{A21A8208-88D2-42B1-B2A3-4DF85B343E26}_2.png&quot;/&gt;&lt;left val=&quot;232&quot;/&gt;&lt;top val=&quot;9&quot;/&gt;&lt;width val=&quot;480&quot;/&gt;&lt;height val=&quot;69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0&quot;/&gt;&lt;/TableIndex&gt;&lt;/ShapeTextInfo&gt;"/>
  <p:tag name="PRESENTER_SHAPEINFO" val="&lt;ThreeDShapeInfo&gt;&lt;uuid val=&quot;{80514B93-EBF0-4C19-86EF-D64CAE62CBD0}&quot;/&gt;&lt;isInvalidForFieldText val=&quot;0&quot;/&gt;&lt;Image&gt;&lt;filename val=&quot;C:\Users\ADMINI~1\AppData\Local\Temp\~CaB3F0\data\asimages\{80514B93-EBF0-4C19-86EF-D64CAE62CBD0}_2.png&quot;/&gt;&lt;left val=&quot;46&quot;/&gt;&lt;top val=&quot;95&quot;/&gt;&lt;width val=&quot;877&quot;/&gt;&lt;height val=&quot;80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50&quot;/&gt;&lt;lineCharCount val=&quot;23&quot;/&gt;&lt;/TableIndex&gt;&lt;/ShapeTextInfo&gt;"/>
  <p:tag name="PRESENTER_SHAPEINFO" val="&lt;ThreeDShapeInfo&gt;&lt;uuid val=&quot;{347A5E9E-95C0-4608-8A6E-3BCC30184863}&quot;/&gt;&lt;isInvalidForFieldText val=&quot;0&quot;/&gt;&lt;Image&gt;&lt;filename val=&quot;C:\Users\ADMINI~1\AppData\Local\Temp\~CaB3F0\data\asimages\{347A5E9E-95C0-4608-8A6E-3BCC30184863}_2.png&quot;/&gt;&lt;left val=&quot;127&quot;/&gt;&lt;top val=&quot;151&quot;/&gt;&lt;width val=&quot;748&quot;/&gt;&lt;height val=&quot;109&quot;/&gt;&lt;hasText val=&quot;1&quot;/&gt;&lt;/Image&gt;&lt;/ThreeDShape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51.697"/>
  <p:tag name="ISPRING_SLIDE_ID_2" val="{8554D806-19D1-4592-975A-FF32D232CB49}"/>
  <p:tag name="ISPRING_PLAYER_PLAYLIST_ID" val="7c68aa4dc468a9f3f4c267faa77987ade9a68272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ISPRING_SLIDE_ID_2" val="{C6EBABD4-D670-4D70-B4F6-EEFBE360176A}"/>
  <p:tag name="GENSWF_ADVANCE_TIME" val="87.6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5.183"/>
  <p:tag name="ISPRING_SLIDE_ID_2" val="{C972CB53-75A2-40D0-85B6-129FD5CE6C86}"/>
  <p:tag name="ISPRING_PLAYER_PLAYLIST_ID" val="d7b581e7f9072f3d651042a07b63b548f332027d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64</TotalTime>
  <Words>277</Words>
  <Application>Microsoft Office PowerPoint</Application>
  <PresentationFormat>Widescreen</PresentationFormat>
  <Paragraphs>54</Paragraphs>
  <Slides>22</Slides>
  <Notes>22</Notes>
  <HiddenSlides>0</HiddenSlides>
  <MMClips>1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2</vt:i4>
      </vt:variant>
    </vt:vector>
  </HeadingPairs>
  <TitlesOfParts>
    <vt:vector size="27" baseType="lpstr">
      <vt:lpstr>Arial</vt:lpstr>
      <vt:lpstr>Calibri</vt:lpstr>
      <vt:lpstr>Calibri Light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iá án Kỹ năng sống</dc:title>
  <dc:creator>Windows User</dc:creator>
  <cp:lastModifiedBy>Admin</cp:lastModifiedBy>
  <cp:revision>117</cp:revision>
  <dcterms:created xsi:type="dcterms:W3CDTF">2020-12-02T03:16:32Z</dcterms:created>
  <dcterms:modified xsi:type="dcterms:W3CDTF">2021-07-30T15:01:23Z</dcterms:modified>
</cp:coreProperties>
</file>